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
    </mc:Choice>
  </mc:AlternateContent>
  <xr:revisionPtr revIDLastSave="0" documentId="8_{C1DE60C8-4CAF-41BE-AC1A-F3395D731F27}" xr6:coauthVersionLast="47" xr6:coauthVersionMax="47" xr10:uidLastSave="{00000000-0000-0000-0000-000000000000}"/>
  <bookViews>
    <workbookView xWindow="-120" yWindow="-120" windowWidth="20730" windowHeight="11160" xr2:uid="{5FD73886-3171-4113-9FAF-CC0DE74876B5}"/>
  </bookViews>
  <sheets>
    <sheet name="Sheet1"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18" uniqueCount="57">
  <si>
    <t>認知症施策・地域介護推進課</t>
  </si>
  <si>
    <t>23 居宅介護支援事業</t>
    <rPh sb="3" eb="5">
      <t>キョタク</t>
    </rPh>
    <rPh sb="5" eb="7">
      <t>カイゴ</t>
    </rPh>
    <rPh sb="7" eb="9">
      <t>シエン</t>
    </rPh>
    <rPh sb="9" eb="11">
      <t>ジギョウ</t>
    </rPh>
    <phoneticPr fontId="3"/>
  </si>
  <si>
    <t>4 報酬</t>
    <rPh sb="2" eb="4">
      <t>ホウシュウ</t>
    </rPh>
    <phoneticPr fontId="3"/>
  </si>
  <si>
    <t>特定事業所集中減算における「通所介護・地域密着型通所介護」の取扱いについて</t>
    <phoneticPr fontId="3"/>
  </si>
  <si>
    <t>　平成２８年４月１日から特定事業所集中減算の対象サービスとして地域密着型通所介護が加わったところであるが、平成２８年４月１日前から継続して通所介護を利用している者も多く、通所介護と地域密着型通所介護とを分けて計算することで居宅介護支援業務にも支障が生じると考えるが、減算の適用有無の判断に際して柔軟な取扱いは可能か。</t>
    <phoneticPr fontId="3"/>
  </si>
  <si>
    <t>　平成２８年４月１日以降平成３０年３月３１日までの間に作成される居宅サービス計画について特定事業所集中減算の適用を判定するに当たっては、通所介護及び地域密着型通所介護（以下「通所介護等」という。）のそれぞれについて計算するのではなく、通所介護等のいずれか又は双方を位置付けた居宅サービス計画数を算出し、通所介護等について最もその紹介件数の多い法人を位置づけた居宅サービス計画の数の占める割合を計算することとして差し支えない。</t>
    <phoneticPr fontId="3"/>
  </si>
  <si>
    <t>28.5.30
事務連絡
居宅介護支援における特定事業所集中減算(通所介護・地域密着型通所介護）の取扱いについて</t>
    <rPh sb="13" eb="15">
      <t>キョタク</t>
    </rPh>
    <rPh sb="15" eb="17">
      <t>カイゴ</t>
    </rPh>
    <rPh sb="17" eb="19">
      <t>シエン</t>
    </rPh>
    <rPh sb="23" eb="25">
      <t>トクテイ</t>
    </rPh>
    <rPh sb="25" eb="28">
      <t>ジギョウショ</t>
    </rPh>
    <rPh sb="28" eb="30">
      <t>シュウチュウ</t>
    </rPh>
    <rPh sb="30" eb="32">
      <t>ゲンサン</t>
    </rPh>
    <rPh sb="33" eb="35">
      <t>ツウショ</t>
    </rPh>
    <rPh sb="35" eb="37">
      <t>カイゴ</t>
    </rPh>
    <rPh sb="38" eb="40">
      <t>チイキ</t>
    </rPh>
    <rPh sb="40" eb="43">
      <t>ミッチャクガタ</t>
    </rPh>
    <rPh sb="43" eb="45">
      <t>ツウショ</t>
    </rPh>
    <rPh sb="45" eb="47">
      <t>カイゴ</t>
    </rPh>
    <rPh sb="49" eb="51">
      <t>トリアツカイ</t>
    </rPh>
    <phoneticPr fontId="3"/>
  </si>
  <si>
    <t>－</t>
    <phoneticPr fontId="3"/>
  </si>
  <si>
    <t>特定事業所集中減算について</t>
    <phoneticPr fontId="3"/>
  </si>
  <si>
    <t>　平成28年５月30日事務連絡「居宅介護支援における特定事業所集中減算（通所介護・地域密着型通所介護）の取扱いについて」（介護保険最新情報Vol.553）において、特定事業所集中減算における通所介護及び地域密着型通所介護の紹介率の計算方法が示されているが、平成30年度以降もこの取扱いは同様か。</t>
    <phoneticPr fontId="3"/>
  </si>
  <si>
    <t>　貴見のとおりである。</t>
    <phoneticPr fontId="3"/>
  </si>
  <si>
    <t>30.3.22
事務連絡
「平成30年度介護報酬改定に関するQ&amp;A（vol.1）（平成30年3月23日）」の送付について</t>
    <phoneticPr fontId="3"/>
  </si>
  <si>
    <t>特定事業所集中減算について</t>
    <rPh sb="0" eb="2">
      <t>トクテイ</t>
    </rPh>
    <rPh sb="2" eb="5">
      <t>ジギョウショ</t>
    </rPh>
    <rPh sb="5" eb="7">
      <t>シュウチュウ</t>
    </rPh>
    <rPh sb="7" eb="9">
      <t>ゲンサン</t>
    </rPh>
    <phoneticPr fontId="3"/>
  </si>
  <si>
    <t>　特定事業所集中減算についての新しい基準は、平成27年９月１日から適用とあるが、現在80％を超えている事業所が、減算適用されることになるのは、平成27年度前期（平成27年３月から８月末まで）の実績で判断するのではなく、平成27年度後期（平成27年９月から２月末まで）の実績で判断するということでよいか。</t>
    <phoneticPr fontId="3"/>
  </si>
  <si>
    <t>　貴見のとおりである。平成27年度後期の実績を元に判断し、減算適用期間は、平成28年４月１日から９月31日までとなる。</t>
    <phoneticPr fontId="3"/>
  </si>
  <si>
    <t>27.4．1
事務連絡
介護保険最新情報vol.454
「平成27年度介護報酬改定に関するQ&amp;A（平成27年4月1日）」の送付について</t>
    <rPh sb="7" eb="9">
      <t>ジム</t>
    </rPh>
    <rPh sb="9" eb="11">
      <t>レンラク</t>
    </rPh>
    <rPh sb="12" eb="14">
      <t>カイゴ</t>
    </rPh>
    <rPh sb="14" eb="16">
      <t>ホケン</t>
    </rPh>
    <rPh sb="16" eb="18">
      <t>サイシン</t>
    </rPh>
    <rPh sb="18" eb="20">
      <t>ジョウホウ</t>
    </rPh>
    <rPh sb="29" eb="31">
      <t>ヘイセイ</t>
    </rPh>
    <rPh sb="33" eb="35">
      <t>ネンド</t>
    </rPh>
    <rPh sb="35" eb="37">
      <t>カイゴ</t>
    </rPh>
    <rPh sb="37" eb="39">
      <t>ホウシュウ</t>
    </rPh>
    <rPh sb="39" eb="41">
      <t>カイテイ</t>
    </rPh>
    <rPh sb="42" eb="43">
      <t>カン</t>
    </rPh>
    <rPh sb="49" eb="51">
      <t>ヘイセイ</t>
    </rPh>
    <rPh sb="53" eb="54">
      <t>ネン</t>
    </rPh>
    <rPh sb="55" eb="56">
      <t>ガツ</t>
    </rPh>
    <rPh sb="57" eb="58">
      <t>ニチ</t>
    </rPh>
    <rPh sb="61" eb="63">
      <t>ソウフ</t>
    </rPh>
    <phoneticPr fontId="3"/>
  </si>
  <si>
    <t>　今般の改正で、体制等状況一覧表に特定事業所集中減算の項目が追加となったが、判定の結果、特定事業所集中減算の適用となった場合又は減算の適用が終了する場合は、体制等状況一覧表の提出はいつになるか。</t>
    <phoneticPr fontId="3"/>
  </si>
  <si>
    <t>　体制等状況一覧表に特定事業所集中減算の項目が追加となったため、平成２７年４月サービス分からの適用の有無の届出が必要となる。また、新たに減算の適用になった場合は、特定事業所集中減算の判定に係る必要書類の提出と同日の９月15日又は３月15日までの提出が必要となる。また、減算の適用が終了する場合は、直ちに提出が必要となる。</t>
    <phoneticPr fontId="3"/>
  </si>
  <si>
    <t>特定事業所集中減算</t>
  </si>
  <si>
    <t>　訪問看護の場合、ケアプランに位置付けようとする時点で主治医と利用者との間で既に事業所が選択されていることが多く、これにより紹介率が８０％を超えることについては正当な理由に該当すると考えてよいか。</t>
    <phoneticPr fontId="3"/>
  </si>
  <si>
    <t>　特定事業所集中減算の正当な理由の範囲は「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厚生省老人保健福祉局企画課長通知）（以下、「留意事項通知」という。）に示しているところであり、正当な理由の範囲として、サービスの質が高いことによる利用者の希望を勘案した場合などにより特定の事業者に集中していると認められる場合（※）等が含まれている。
（※）利用者から質が高いことを理由に当該サービスを利用したい旨の理由書の提出を受けている場合であって、地域ケア会議等に当該利用者の居宅サービス計画を提出し、支援内容についての意見・助言を受けている場合等を想定している。なお、利用者から提出を受ける理由書は、当該利用者にとってサービスの質が高いことが確認できるものとし、その様式は任意のものとして差し支えない。</t>
    <phoneticPr fontId="3"/>
  </si>
  <si>
    <t>27．4.30
事務連絡
「平成27年度介護報酬改定に関するQ&amp;A（vol.2）（平成27年4月30日）」の送付について</t>
    <phoneticPr fontId="3"/>
  </si>
  <si>
    <t>　今般の改正で訪問看護等のみなし指定のあるサービスが対象となっているが、正当な理由としてサービス事業所が少数であることをもって判断する場合に、みなし事業所は通常の実施地域内の事業所としてカウントするのかお聞きしたい。</t>
  </si>
  <si>
    <t>　みなし指定の事業所について、介護給付費の請求がないなど介護保険事業の実態を踏まえ、カウントから外して差し支えない。
（注）介護給付費の請求事業所の確認については、国民健康保険団体連合会から都道府県や保険者に提供される適正化情報の「事業所別サービス状況一覧表」が活用可能である。</t>
    <phoneticPr fontId="3"/>
  </si>
  <si>
    <t>　留意事項通知の第三の10の（４）の⑤の（例）について、意見・助言を受けている事例が１件でもあれば正当な理由として集中減算の適用除外となるか。（下記事例の場合に①・②のどちらになるか）
（例）
居宅サービス計画数：１０２件 
A訪問介護事業所への位置付け：８２件（意見・助言を受けている事例が１件あり）
①助言を受けているため正当な理由ありとしてA事業所に関する減算不要。
８２÷１０２×１００≒８０．３％　…正当な理由として減算なし 
②助言を受けている１件分について除外。
８１÷１０１×１００≒８０．１％　…減算あり</t>
    <phoneticPr fontId="3"/>
  </si>
  <si>
    <t>　居宅サービス計画に位置づけるサービスについては、個々の利用者の状況等に応じて個別具体的に判断されるものであることから、②で取り扱うこととする。</t>
    <phoneticPr fontId="3"/>
  </si>
  <si>
    <t>　居宅介護支援事業者が作成し、都道府県知事に提出する書類について、判定期間における居宅サービス計画の総数等を記載するように定められているが、サービスの限定が外れることに伴い、事業所の事務量の負担が増大することを踏まえ、訪問介護サービス等のそれぞれの紹介率最高法人の名称、住所、事業所名及び代表者名等について、80％を超えたサービスのみ記載する等、都道府県の判断で適宜省略させても差し支えないか。</t>
  </si>
  <si>
    <t>　各サービスの利用状況を適切に把握することが必要であることから、従前のとおり取扱うこととする。</t>
    <phoneticPr fontId="3"/>
  </si>
  <si>
    <t>　正当な理由の例示のうち、「サービスの質が高いことによる利用者の希望を勘案した場合などにより特定の事業者に集中していると認められる場合」の例示について、「地域ケア会議等」とあるが、「等」には具体的に何を含むのか。</t>
  </si>
  <si>
    <t>　名称の如何にかかわらず地域包括支援センターが実施する事例検討会等を想定している。</t>
    <phoneticPr fontId="3"/>
  </si>
  <si>
    <t>　居宅介護支援事業所の実施地域が複数自治体にまたがり、そのうちの１自治体（Ａ自治体とする）には地域密着型サービス事業所が１事業所しかなく、Ａ自治体は、他の自治体の地域密着型サービス事業所と契約していない状況である。この場合、Ａ自治体の利用者はＡ自治体の地域密着型サービスしか利用できないが、正当な理由の範囲としてどのように判断したらよいか。</t>
  </si>
  <si>
    <t>　指摘のケースについては、Ａ自治体の利用者は、Ａ自治体の地域密着型サービスの事業所しか利用できないことから、サービス事業所が少数である場合として正当な理由とみなして差し支えない。</t>
    <phoneticPr fontId="3"/>
  </si>
  <si>
    <t>　医療の「機能強化型訪問看護療養費」の要件の一つとして「指定訪問看護事業所と居宅介護支援事業所が同一敷地内に設置され、かつ、当該訪問看護事業所の介護サービス計画又は介護予防サービス計画の作成が必要な利用者のうち、例えば、特に医療的な管理が必要な利用者１割程度について、当該居宅介護支援事業所により介護サービス計画又は介護予防サービス計画を作成していること」とあり、この趣旨は、ステーション内で医療介護の連携・調整の推進がされることについての評価である。「機能強化型訪問看護療養費」を算定している訪問看護ステーション等の場合は特定事業所集中減算の正当な理由として考えてよいか。
　また、「機能強化型訪問看護療養費」を算定していない医療機関に併設された居宅介護支援事業所について、同事業所を運営する法人内に訪問看護事業所があり、連携の観点から医療（主治医）・居宅介護支援・訪問看護を同法人内で利用することが利用者にとってはメリットとなると考える。こうした偏りは正当な理由として認められるか。</t>
    <phoneticPr fontId="3"/>
  </si>
  <si>
    <t>　特定事業所集中減算の正当な理由の範囲は留意事項通知に示しているところであり、正当な理由の範囲として例えば、サービスの質が高いことによる利用者の希望を勘案した場合などにより特定の事業者に集中していると認められる場合等が含まれている。具体的には、利用者から質が高いことを理由に当該サービスを利用したい旨の理由書の提出を受けている場合であって、地域ケア会議等に当該利用者の居宅サービス計画を提出し、支援内容についての意見・助言を受けている場合などが考えられる。
　機能強化型訪問看護ステーションについては、「指定訪問看護事業所と居宅介護支援事業所が同一敷地内に設置され、かつ、当該訪問看護事業所の介護サービス計画が必要な利用者のうち、当該居宅介護支援事業所により介護サービス計画を作成されている者が一定程度以上であること」とされており、その割合は１割程度とされているため、基本的には正当な理由なく高い集中度合で判定する特定事業所集中減算の趣旨とは異なるものと考えている。</t>
    <phoneticPr fontId="3"/>
  </si>
  <si>
    <t>　留意事項通知の第三の10の（４）の①の「通常の事業の実施地域」について、例えば、町内の一部（市町村合併前の旧町）などのエリアに変更することは可能か？</t>
  </si>
  <si>
    <t>　指定居宅介護支援事業者は、「指定居宅介護支援等の事業の人員及び運営に関する基準」（平成11年３月31日厚生省令第38号）第18条において運営規程に通常の事業の実施地域について定めることになっており、これに基づき適切に対応いただきたい。</t>
    <phoneticPr fontId="3"/>
  </si>
  <si>
    <t>　訪問介護の特定事業所加算は、サービス提供の責任体制やヘルパーの活動環境・雇用環境の整備、介護福祉士の配置など質の高いサービス提供体制が整った事業所について評価を行うものであるから、特定事業所加算を算定している訪問介護事業所の場合については、特定事業所集中減算の正当な理由として考えてよいか。</t>
  </si>
  <si>
    <t>　特定事業所集中減算の正当な理由の範囲は留意事項通知に示しているところであり、正当な理由の範囲として例えば、サービスの質が高いことによる利用者の希望を勘案した場合などにより特定の事業者に集中していると認められる場合等が含まれている。具体的には、利用者から質が高いことを理由に当該サービスを利用したい旨の理由書の提出を受けている場合であって、地域ケア会議等に当該利用者の居宅サービス計画を提出し、支援内容についての意見・助言を受けている場合などが考えられる。</t>
    <phoneticPr fontId="3"/>
  </si>
  <si>
    <t>　今般の改定により特定事業所集中減算の対象サービスの範囲について限定が外れたが、1つのサービスにおいて正当な理由がなく８０％を越えた場合は全利用者について半年間減算と考えてよいか。</t>
  </si>
  <si>
    <t>　ご指摘のケースについて、当該サービスについて正当な理由がなく８０％を超えた場合は、従前のとおり減算適用期間のすべての居宅介護支援費について減算の適用となる。</t>
    <phoneticPr fontId="3"/>
  </si>
  <si>
    <t>担当課</t>
    <rPh sb="0" eb="3">
      <t>タントウカ</t>
    </rPh>
    <phoneticPr fontId="3"/>
  </si>
  <si>
    <t>連番</t>
    <rPh sb="0" eb="2">
      <t>レンバン</t>
    </rPh>
    <phoneticPr fontId="3"/>
  </si>
  <si>
    <t>サービス種別</t>
    <rPh sb="4" eb="6">
      <t>シュベツ</t>
    </rPh>
    <phoneticPr fontId="3"/>
  </si>
  <si>
    <t>項目</t>
    <rPh sb="0" eb="2">
      <t>コウモク</t>
    </rPh>
    <phoneticPr fontId="3"/>
  </si>
  <si>
    <t>質問</t>
    <rPh sb="0" eb="2">
      <t>シツモン</t>
    </rPh>
    <phoneticPr fontId="3"/>
  </si>
  <si>
    <t>回答</t>
    <phoneticPr fontId="3"/>
  </si>
  <si>
    <t>ＱＡ発出時期、文書番号等</t>
    <phoneticPr fontId="3"/>
  </si>
  <si>
    <t>平成31年2月5日
Q&amp;A以前</t>
    <rPh sb="0" eb="2">
      <t>ヘイセイ</t>
    </rPh>
    <rPh sb="4" eb="5">
      <t>ネン</t>
    </rPh>
    <rPh sb="6" eb="7">
      <t>ガツ</t>
    </rPh>
    <rPh sb="8" eb="9">
      <t>ニチ</t>
    </rPh>
    <rPh sb="13" eb="15">
      <t>イゼン</t>
    </rPh>
    <phoneticPr fontId="3"/>
  </si>
  <si>
    <t>平成31年３月15日
Q＆A以降</t>
    <rPh sb="0" eb="2">
      <t>ヘイセイ</t>
    </rPh>
    <rPh sb="4" eb="5">
      <t>ネン</t>
    </rPh>
    <rPh sb="6" eb="7">
      <t>ガツ</t>
    </rPh>
    <rPh sb="9" eb="10">
      <t>ニチ</t>
    </rPh>
    <rPh sb="14" eb="16">
      <t>イコウ</t>
    </rPh>
    <phoneticPr fontId="3"/>
  </si>
  <si>
    <t>文書名</t>
    <rPh sb="0" eb="3">
      <t>ブンショメイ</t>
    </rPh>
    <phoneticPr fontId="3"/>
  </si>
  <si>
    <t>問番号</t>
    <rPh sb="0" eb="1">
      <t>トイ</t>
    </rPh>
    <rPh sb="1" eb="3">
      <t>バンゴウ</t>
    </rPh>
    <phoneticPr fontId="3"/>
  </si>
  <si>
    <t>23 居宅介護支援事業</t>
    <rPh sb="9" eb="11">
      <t>ジギョウ</t>
    </rPh>
    <phoneticPr fontId="3"/>
  </si>
  <si>
    <t>特定事業所集中減算</t>
    <rPh sb="0" eb="2">
      <t>トクテイ</t>
    </rPh>
    <rPh sb="2" eb="5">
      <t>ジギョウショ</t>
    </rPh>
    <rPh sb="5" eb="7">
      <t>シュウチュウ</t>
    </rPh>
    <rPh sb="7" eb="9">
      <t>ゲンサン</t>
    </rPh>
    <phoneticPr fontId="3"/>
  </si>
  <si>
    <t>特定事業所集中減算の算定に当たって、対象となる「特定事業所」の範囲は、同一法人単位で判断するのか、あるいは、系列法人まで含めるのか。</t>
    <rPh sb="0" eb="2">
      <t>トクテイ</t>
    </rPh>
    <rPh sb="2" eb="5">
      <t>ジギョウショ</t>
    </rPh>
    <rPh sb="5" eb="7">
      <t>シュウチュウ</t>
    </rPh>
    <rPh sb="7" eb="9">
      <t>ゲンサン</t>
    </rPh>
    <rPh sb="10" eb="12">
      <t>サンテイ</t>
    </rPh>
    <rPh sb="13" eb="14">
      <t>ア</t>
    </rPh>
    <rPh sb="18" eb="20">
      <t>タイショウ</t>
    </rPh>
    <rPh sb="24" eb="26">
      <t>トクテイ</t>
    </rPh>
    <rPh sb="26" eb="29">
      <t>ジギョウショ</t>
    </rPh>
    <rPh sb="31" eb="33">
      <t>ハンイ</t>
    </rPh>
    <rPh sb="35" eb="37">
      <t>ドウイツ</t>
    </rPh>
    <rPh sb="37" eb="39">
      <t>ホウジン</t>
    </rPh>
    <rPh sb="39" eb="41">
      <t>タンイ</t>
    </rPh>
    <rPh sb="42" eb="44">
      <t>ハンダン</t>
    </rPh>
    <rPh sb="54" eb="56">
      <t>ケイレツ</t>
    </rPh>
    <rPh sb="56" eb="58">
      <t>ホウジン</t>
    </rPh>
    <rPh sb="60" eb="61">
      <t>フク</t>
    </rPh>
    <phoneticPr fontId="3"/>
  </si>
  <si>
    <t>同―法人格を有する法人単位で判断されたい。</t>
  </si>
  <si>
    <t>18.3.27
介護制度改革information vol.80
平成18年4月改定関係Q＆A(vol.2)　</t>
    <rPh sb="8" eb="10">
      <t>カイゴ</t>
    </rPh>
    <rPh sb="10" eb="12">
      <t>セイド</t>
    </rPh>
    <rPh sb="12" eb="14">
      <t>カイカク</t>
    </rPh>
    <rPh sb="33" eb="35">
      <t>ヘイセイ</t>
    </rPh>
    <rPh sb="37" eb="38">
      <t>ネン</t>
    </rPh>
    <rPh sb="39" eb="40">
      <t>ツキ</t>
    </rPh>
    <rPh sb="42" eb="44">
      <t>カンケイ</t>
    </rPh>
    <phoneticPr fontId="3"/>
  </si>
  <si>
    <t>基準
種別</t>
    <rPh sb="0" eb="2">
      <t>キジュン</t>
    </rPh>
    <rPh sb="3" eb="5">
      <t>シュベツ</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color theme="1"/>
      <name val="游ゴシック"/>
      <family val="2"/>
      <charset val="128"/>
      <scheme val="minor"/>
    </font>
    <font>
      <sz val="6"/>
      <name val="游ゴシック"/>
      <family val="2"/>
      <charset val="128"/>
      <scheme val="minor"/>
    </font>
    <font>
      <sz val="9"/>
      <name val="ＭＳ Ｐゴシック"/>
      <family val="3"/>
      <charset val="128"/>
    </font>
    <font>
      <sz val="6"/>
      <name val="ＭＳ Ｐゴシック"/>
      <family val="3"/>
      <charset val="128"/>
    </font>
    <font>
      <sz val="10.5"/>
      <name val="ＭＳ Ｐゴシック"/>
      <family val="3"/>
      <charset val="128"/>
    </font>
  </fonts>
  <fills count="4">
    <fill>
      <patternFill patternType="none"/>
    </fill>
    <fill>
      <patternFill patternType="gray125"/>
    </fill>
    <fill>
      <patternFill patternType="solid">
        <fgColor theme="0" tint="-0.14993743705557422"/>
        <bgColor indexed="64"/>
      </patternFill>
    </fill>
    <fill>
      <patternFill patternType="solid">
        <fgColor theme="0" tint="-0.14999847407452621"/>
        <bgColor indexed="64"/>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17">
    <xf numFmtId="0" fontId="0" fillId="0" borderId="0" xfId="0">
      <alignment vertical="center"/>
    </xf>
    <xf numFmtId="0" fontId="0" fillId="0" borderId="0" xfId="0" applyAlignment="1">
      <alignment horizontal="left" vertical="top"/>
    </xf>
    <xf numFmtId="0" fontId="2" fillId="0" borderId="1" xfId="0" applyFont="1" applyBorder="1" applyAlignment="1">
      <alignment horizontal="center" vertical="center" wrapText="1"/>
    </xf>
    <xf numFmtId="0" fontId="0" fillId="0" borderId="1" xfId="0" applyBorder="1" applyAlignment="1">
      <alignment horizontal="center" vertical="center"/>
    </xf>
    <xf numFmtId="0" fontId="2" fillId="0" borderId="1" xfId="0" applyFont="1" applyBorder="1" applyAlignment="1">
      <alignment horizontal="left" vertical="top" wrapText="1"/>
    </xf>
    <xf numFmtId="0" fontId="0" fillId="0" borderId="1" xfId="0" applyBorder="1" applyAlignment="1">
      <alignment horizontal="center" vertical="top"/>
    </xf>
    <xf numFmtId="0" fontId="4" fillId="0" borderId="1" xfId="0" applyFont="1" applyBorder="1" applyAlignment="1">
      <alignment horizontal="center" vertical="top" wrapText="1"/>
    </xf>
    <xf numFmtId="0" fontId="2" fillId="2" borderId="1" xfId="0" applyFont="1" applyFill="1" applyBorder="1" applyAlignment="1">
      <alignment horizontal="center" vertical="center" wrapText="1"/>
    </xf>
    <xf numFmtId="0" fontId="0" fillId="2" borderId="1" xfId="0" applyFill="1" applyBorder="1" applyAlignment="1">
      <alignment horizontal="center" vertical="center"/>
    </xf>
    <xf numFmtId="0" fontId="0" fillId="2" borderId="1" xfId="0" applyFill="1" applyBorder="1" applyAlignment="1">
      <alignment horizontal="center" vertical="center" wrapText="1"/>
    </xf>
    <xf numFmtId="0" fontId="0" fillId="2" borderId="1" xfId="0" applyFill="1" applyBorder="1" applyAlignment="1">
      <alignment horizontal="center" vertical="center" wrapText="1"/>
    </xf>
    <xf numFmtId="0" fontId="2" fillId="0" borderId="1" xfId="0" applyFont="1" applyBorder="1" applyAlignment="1">
      <alignment horizontal="center" vertical="top"/>
    </xf>
    <xf numFmtId="0" fontId="0" fillId="0" borderId="0" xfId="0"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2" borderId="1" xfId="0" applyFill="1" applyBorder="1" applyAlignment="1">
      <alignment horizontal="center" vertical="center" shrinkToFit="1"/>
    </xf>
    <xf numFmtId="0" fontId="0" fillId="2" borderId="1" xfId="0" applyFill="1" applyBorder="1" applyAlignment="1">
      <alignment horizontal="center"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B905A8-9E34-4441-95BC-0CC9D0740208}">
  <sheetPr>
    <pageSetUpPr fitToPage="1"/>
  </sheetPr>
  <dimension ref="A1:K17"/>
  <sheetViews>
    <sheetView tabSelected="1" topLeftCell="A9" workbookViewId="0">
      <selection activeCell="J4" sqref="J4"/>
    </sheetView>
  </sheetViews>
  <sheetFormatPr defaultRowHeight="18.75" x14ac:dyDescent="0.4"/>
  <cols>
    <col min="1" max="1" width="3.375" style="12" customWidth="1"/>
    <col min="3" max="3" width="5.875" customWidth="1"/>
    <col min="6" max="6" width="5.125" customWidth="1"/>
    <col min="8" max="9" width="40.625" customWidth="1"/>
    <col min="10" max="10" width="15.625" customWidth="1"/>
    <col min="11" max="11" width="5.125" customWidth="1"/>
  </cols>
  <sheetData>
    <row r="1" spans="1:11" ht="18.75" customHeight="1" x14ac:dyDescent="0.4">
      <c r="A1" s="13"/>
      <c r="B1" s="7" t="s">
        <v>40</v>
      </c>
      <c r="C1" s="8" t="s">
        <v>41</v>
      </c>
      <c r="D1" s="9" t="s">
        <v>42</v>
      </c>
      <c r="E1" s="9"/>
      <c r="F1" s="9" t="s">
        <v>56</v>
      </c>
      <c r="G1" s="9" t="s">
        <v>43</v>
      </c>
      <c r="H1" s="8" t="s">
        <v>44</v>
      </c>
      <c r="I1" s="9" t="s">
        <v>45</v>
      </c>
      <c r="J1" s="15" t="s">
        <v>46</v>
      </c>
      <c r="K1" s="15"/>
    </row>
    <row r="2" spans="1:11" ht="56.25" x14ac:dyDescent="0.4">
      <c r="A2" s="14"/>
      <c r="B2" s="7"/>
      <c r="C2" s="8"/>
      <c r="D2" s="10" t="s">
        <v>47</v>
      </c>
      <c r="E2" s="10" t="s">
        <v>48</v>
      </c>
      <c r="F2" s="8"/>
      <c r="G2" s="9"/>
      <c r="H2" s="8"/>
      <c r="I2" s="9"/>
      <c r="J2" s="10" t="s">
        <v>49</v>
      </c>
      <c r="K2" s="16" t="s">
        <v>50</v>
      </c>
    </row>
    <row r="3" spans="1:11" ht="72.75" customHeight="1" x14ac:dyDescent="0.4">
      <c r="A3" s="3">
        <v>1</v>
      </c>
      <c r="B3" s="2" t="s">
        <v>0</v>
      </c>
      <c r="C3" s="3">
        <v>1670</v>
      </c>
      <c r="D3" s="4" t="s">
        <v>51</v>
      </c>
      <c r="E3" s="4"/>
      <c r="F3" s="4" t="s">
        <v>2</v>
      </c>
      <c r="G3" s="4" t="s">
        <v>52</v>
      </c>
      <c r="H3" s="4" t="s">
        <v>53</v>
      </c>
      <c r="I3" s="4" t="s">
        <v>54</v>
      </c>
      <c r="J3" s="4" t="s">
        <v>55</v>
      </c>
      <c r="K3" s="11">
        <v>34</v>
      </c>
    </row>
    <row r="4" spans="1:11" s="1" customFormat="1" ht="111" customHeight="1" x14ac:dyDescent="0.4">
      <c r="A4" s="5">
        <v>2</v>
      </c>
      <c r="B4" s="2" t="s">
        <v>0</v>
      </c>
      <c r="C4" s="3">
        <v>1691</v>
      </c>
      <c r="D4" s="4" t="s">
        <v>1</v>
      </c>
      <c r="E4" s="4"/>
      <c r="F4" s="4" t="s">
        <v>2</v>
      </c>
      <c r="G4" s="4" t="s">
        <v>3</v>
      </c>
      <c r="H4" s="4" t="s">
        <v>4</v>
      </c>
      <c r="I4" s="4" t="s">
        <v>5</v>
      </c>
      <c r="J4" s="4" t="s">
        <v>6</v>
      </c>
      <c r="K4" s="5" t="s">
        <v>7</v>
      </c>
    </row>
    <row r="5" spans="1:11" s="1" customFormat="1" ht="87" customHeight="1" x14ac:dyDescent="0.4">
      <c r="A5" s="5">
        <v>3</v>
      </c>
      <c r="B5" s="2" t="s">
        <v>0</v>
      </c>
      <c r="C5" s="3">
        <v>1692</v>
      </c>
      <c r="D5" s="4" t="s">
        <v>1</v>
      </c>
      <c r="E5" s="4"/>
      <c r="F5" s="4" t="s">
        <v>2</v>
      </c>
      <c r="G5" s="4" t="s">
        <v>8</v>
      </c>
      <c r="H5" s="4" t="s">
        <v>9</v>
      </c>
      <c r="I5" s="4" t="s">
        <v>10</v>
      </c>
      <c r="J5" s="4" t="s">
        <v>11</v>
      </c>
      <c r="K5" s="5">
        <v>135</v>
      </c>
    </row>
    <row r="6" spans="1:11" s="1" customFormat="1" ht="104.25" customHeight="1" x14ac:dyDescent="0.4">
      <c r="A6" s="3">
        <v>4</v>
      </c>
      <c r="B6" s="2" t="s">
        <v>0</v>
      </c>
      <c r="C6" s="3">
        <v>1707</v>
      </c>
      <c r="D6" s="4" t="s">
        <v>1</v>
      </c>
      <c r="E6" s="4"/>
      <c r="F6" s="4" t="s">
        <v>2</v>
      </c>
      <c r="G6" s="4" t="s">
        <v>12</v>
      </c>
      <c r="H6" s="4" t="s">
        <v>13</v>
      </c>
      <c r="I6" s="4" t="s">
        <v>14</v>
      </c>
      <c r="J6" s="4" t="s">
        <v>15</v>
      </c>
      <c r="K6" s="6">
        <v>182</v>
      </c>
    </row>
    <row r="7" spans="1:11" s="1" customFormat="1" ht="100.5" customHeight="1" x14ac:dyDescent="0.4">
      <c r="A7" s="5">
        <v>5</v>
      </c>
      <c r="B7" s="2" t="s">
        <v>0</v>
      </c>
      <c r="C7" s="3">
        <v>1708</v>
      </c>
      <c r="D7" s="4" t="s">
        <v>1</v>
      </c>
      <c r="E7" s="4"/>
      <c r="F7" s="4" t="s">
        <v>2</v>
      </c>
      <c r="G7" s="4" t="s">
        <v>12</v>
      </c>
      <c r="H7" s="4" t="s">
        <v>16</v>
      </c>
      <c r="I7" s="4" t="s">
        <v>17</v>
      </c>
      <c r="J7" s="4" t="s">
        <v>15</v>
      </c>
      <c r="K7" s="6">
        <v>183</v>
      </c>
    </row>
    <row r="8" spans="1:11" s="1" customFormat="1" ht="216" customHeight="1" x14ac:dyDescent="0.4">
      <c r="A8" s="5">
        <v>6</v>
      </c>
      <c r="B8" s="2" t="s">
        <v>0</v>
      </c>
      <c r="C8" s="3">
        <v>1713</v>
      </c>
      <c r="D8" s="4" t="s">
        <v>1</v>
      </c>
      <c r="E8" s="4"/>
      <c r="F8" s="4" t="s">
        <v>2</v>
      </c>
      <c r="G8" s="4" t="s">
        <v>18</v>
      </c>
      <c r="H8" s="4" t="s">
        <v>19</v>
      </c>
      <c r="I8" s="4" t="s">
        <v>20</v>
      </c>
      <c r="J8" s="4" t="s">
        <v>21</v>
      </c>
      <c r="K8" s="5">
        <v>26</v>
      </c>
    </row>
    <row r="9" spans="1:11" s="1" customFormat="1" ht="85.5" customHeight="1" x14ac:dyDescent="0.4">
      <c r="A9" s="3">
        <v>7</v>
      </c>
      <c r="B9" s="2" t="s">
        <v>0</v>
      </c>
      <c r="C9" s="3">
        <v>1714</v>
      </c>
      <c r="D9" s="4" t="s">
        <v>1</v>
      </c>
      <c r="E9" s="4"/>
      <c r="F9" s="4" t="s">
        <v>2</v>
      </c>
      <c r="G9" s="4" t="s">
        <v>18</v>
      </c>
      <c r="H9" s="4" t="s">
        <v>22</v>
      </c>
      <c r="I9" s="4" t="s">
        <v>23</v>
      </c>
      <c r="J9" s="4" t="s">
        <v>21</v>
      </c>
      <c r="K9" s="5">
        <v>27</v>
      </c>
    </row>
    <row r="10" spans="1:11" s="1" customFormat="1" ht="159" customHeight="1" x14ac:dyDescent="0.4">
      <c r="A10" s="5">
        <v>8</v>
      </c>
      <c r="B10" s="2" t="s">
        <v>0</v>
      </c>
      <c r="C10" s="3">
        <v>1715</v>
      </c>
      <c r="D10" s="4" t="s">
        <v>1</v>
      </c>
      <c r="E10" s="4"/>
      <c r="F10" s="4" t="s">
        <v>2</v>
      </c>
      <c r="G10" s="4" t="s">
        <v>18</v>
      </c>
      <c r="H10" s="4" t="s">
        <v>24</v>
      </c>
      <c r="I10" s="4" t="s">
        <v>25</v>
      </c>
      <c r="J10" s="4" t="s">
        <v>21</v>
      </c>
      <c r="K10" s="5">
        <v>28</v>
      </c>
    </row>
    <row r="11" spans="1:11" s="1" customFormat="1" ht="105" customHeight="1" x14ac:dyDescent="0.4">
      <c r="A11" s="5">
        <v>9</v>
      </c>
      <c r="B11" s="2" t="s">
        <v>0</v>
      </c>
      <c r="C11" s="3">
        <v>1716</v>
      </c>
      <c r="D11" s="4" t="s">
        <v>1</v>
      </c>
      <c r="E11" s="4"/>
      <c r="F11" s="4" t="s">
        <v>2</v>
      </c>
      <c r="G11" s="4" t="s">
        <v>18</v>
      </c>
      <c r="H11" s="4" t="s">
        <v>26</v>
      </c>
      <c r="I11" s="4" t="s">
        <v>27</v>
      </c>
      <c r="J11" s="4" t="s">
        <v>21</v>
      </c>
      <c r="K11" s="5">
        <v>29</v>
      </c>
    </row>
    <row r="12" spans="1:11" s="1" customFormat="1" ht="81" customHeight="1" x14ac:dyDescent="0.4">
      <c r="A12" s="3">
        <v>10</v>
      </c>
      <c r="B12" s="2" t="s">
        <v>0</v>
      </c>
      <c r="C12" s="3">
        <v>1717</v>
      </c>
      <c r="D12" s="4" t="s">
        <v>1</v>
      </c>
      <c r="E12" s="4"/>
      <c r="F12" s="4" t="s">
        <v>2</v>
      </c>
      <c r="G12" s="4" t="s">
        <v>18</v>
      </c>
      <c r="H12" s="4" t="s">
        <v>28</v>
      </c>
      <c r="I12" s="4" t="s">
        <v>29</v>
      </c>
      <c r="J12" s="4" t="s">
        <v>21</v>
      </c>
      <c r="K12" s="5">
        <v>30</v>
      </c>
    </row>
    <row r="13" spans="1:11" s="1" customFormat="1" ht="92.25" customHeight="1" x14ac:dyDescent="0.4">
      <c r="A13" s="5">
        <v>11</v>
      </c>
      <c r="B13" s="2" t="s">
        <v>0</v>
      </c>
      <c r="C13" s="3">
        <v>1718</v>
      </c>
      <c r="D13" s="4" t="s">
        <v>1</v>
      </c>
      <c r="E13" s="4"/>
      <c r="F13" s="4" t="s">
        <v>2</v>
      </c>
      <c r="G13" s="4" t="s">
        <v>18</v>
      </c>
      <c r="H13" s="4" t="s">
        <v>30</v>
      </c>
      <c r="I13" s="4" t="s">
        <v>31</v>
      </c>
      <c r="J13" s="4" t="s">
        <v>21</v>
      </c>
      <c r="K13" s="5">
        <v>31</v>
      </c>
    </row>
    <row r="14" spans="1:11" s="1" customFormat="1" ht="213" customHeight="1" x14ac:dyDescent="0.4">
      <c r="A14" s="5">
        <v>12</v>
      </c>
      <c r="B14" s="2" t="s">
        <v>0</v>
      </c>
      <c r="C14" s="3">
        <v>1719</v>
      </c>
      <c r="D14" s="4" t="s">
        <v>1</v>
      </c>
      <c r="E14" s="4"/>
      <c r="F14" s="4" t="s">
        <v>2</v>
      </c>
      <c r="G14" s="4" t="s">
        <v>18</v>
      </c>
      <c r="H14" s="4" t="s">
        <v>32</v>
      </c>
      <c r="I14" s="4" t="s">
        <v>33</v>
      </c>
      <c r="J14" s="4" t="s">
        <v>21</v>
      </c>
      <c r="K14" s="5">
        <v>32</v>
      </c>
    </row>
    <row r="15" spans="1:11" s="1" customFormat="1" ht="84" customHeight="1" x14ac:dyDescent="0.4">
      <c r="A15" s="3">
        <v>13</v>
      </c>
      <c r="B15" s="2" t="s">
        <v>0</v>
      </c>
      <c r="C15" s="3">
        <v>1720</v>
      </c>
      <c r="D15" s="4" t="s">
        <v>1</v>
      </c>
      <c r="E15" s="4"/>
      <c r="F15" s="4" t="s">
        <v>2</v>
      </c>
      <c r="G15" s="4" t="s">
        <v>18</v>
      </c>
      <c r="H15" s="4" t="s">
        <v>34</v>
      </c>
      <c r="I15" s="4" t="s">
        <v>35</v>
      </c>
      <c r="J15" s="4" t="s">
        <v>21</v>
      </c>
      <c r="K15" s="5">
        <v>33</v>
      </c>
    </row>
    <row r="16" spans="1:11" s="1" customFormat="1" ht="120" customHeight="1" x14ac:dyDescent="0.4">
      <c r="A16" s="5">
        <v>14</v>
      </c>
      <c r="B16" s="2" t="s">
        <v>0</v>
      </c>
      <c r="C16" s="3">
        <v>1721</v>
      </c>
      <c r="D16" s="4" t="s">
        <v>1</v>
      </c>
      <c r="E16" s="4"/>
      <c r="F16" s="4" t="s">
        <v>2</v>
      </c>
      <c r="G16" s="4" t="s">
        <v>18</v>
      </c>
      <c r="H16" s="4" t="s">
        <v>36</v>
      </c>
      <c r="I16" s="4" t="s">
        <v>37</v>
      </c>
      <c r="J16" s="4" t="s">
        <v>21</v>
      </c>
      <c r="K16" s="5">
        <v>34</v>
      </c>
    </row>
    <row r="17" spans="1:11" s="1" customFormat="1" ht="83.25" customHeight="1" x14ac:dyDescent="0.4">
      <c r="A17" s="5">
        <v>15</v>
      </c>
      <c r="B17" s="2" t="s">
        <v>0</v>
      </c>
      <c r="C17" s="3">
        <v>1722</v>
      </c>
      <c r="D17" s="4" t="s">
        <v>1</v>
      </c>
      <c r="E17" s="4"/>
      <c r="F17" s="4" t="s">
        <v>2</v>
      </c>
      <c r="G17" s="4" t="s">
        <v>18</v>
      </c>
      <c r="H17" s="4" t="s">
        <v>38</v>
      </c>
      <c r="I17" s="4" t="s">
        <v>39</v>
      </c>
      <c r="J17" s="4" t="s">
        <v>21</v>
      </c>
      <c r="K17" s="5">
        <v>35</v>
      </c>
    </row>
  </sheetData>
  <mergeCells count="9">
    <mergeCell ref="A1:A2"/>
    <mergeCell ref="B1:B2"/>
    <mergeCell ref="C1:C2"/>
    <mergeCell ref="D1:E1"/>
    <mergeCell ref="F1:F2"/>
    <mergeCell ref="G1:G2"/>
    <mergeCell ref="H1:H2"/>
    <mergeCell ref="I1:I2"/>
    <mergeCell ref="J1:K1"/>
  </mergeCells>
  <phoneticPr fontId="1"/>
  <pageMargins left="0.7" right="0.7" top="0.75" bottom="0.75" header="0.3" footer="0.3"/>
  <pageSetup paperSize="9" scale="79"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cp:lastPrinted>2023-03-07T07:47:38Z</cp:lastPrinted>
  <dcterms:created xsi:type="dcterms:W3CDTF">2023-03-07T07:30:40Z</dcterms:created>
  <dcterms:modified xsi:type="dcterms:W3CDTF">2023-03-07T07:48:05Z</dcterms:modified>
</cp:coreProperties>
</file>